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7"/>
  </p:notesMasterIdLst>
  <p:handoutMasterIdLst>
    <p:handoutMasterId r:id="rId8"/>
  </p:handoutMasterIdLst>
  <p:sldIdLst>
    <p:sldId id="262" r:id="rId5"/>
    <p:sldId id="260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292CC"/>
    <a:srgbClr val="A6A6A6"/>
    <a:srgbClr val="9B9B9B"/>
    <a:srgbClr val="9AB9DE"/>
    <a:srgbClr val="BACFE8"/>
    <a:srgbClr val="949494"/>
    <a:srgbClr val="10DE00"/>
    <a:srgbClr val="D3FFC7"/>
    <a:srgbClr val="D45C02"/>
    <a:srgbClr val="F0B28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2EB5F59-6BAF-4F09-B6E4-8D5D7D126F55}" v="9" dt="2023-02-21T03:23:30.348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EB344D84-9AFB-497E-A393-DC336BA19D2E}" styleName="Medium Style 3 - Accent 3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014" autoAdjust="0"/>
    <p:restoredTop sz="94610"/>
  </p:normalViewPr>
  <p:slideViewPr>
    <p:cSldViewPr>
      <p:cViewPr>
        <p:scale>
          <a:sx n="125" d="100"/>
          <a:sy n="125" d="100"/>
        </p:scale>
        <p:origin x="90" y="810"/>
      </p:cViewPr>
      <p:guideLst>
        <p:guide orient="horz" pos="2160"/>
        <p:guide pos="3840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>
      <p:cViewPr varScale="1">
        <p:scale>
          <a:sx n="60" d="100"/>
          <a:sy n="60" d="100"/>
        </p:scale>
        <p:origin x="1670" y="43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13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notesMaster" Target="notesMasters/notesMaster1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Relationship Id="rId14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张 嘉铭" userId="3511580ec5cbb87e" providerId="LiveId" clId="{12EB5F59-6BAF-4F09-B6E4-8D5D7D126F55}"/>
    <pc:docChg chg="modSld">
      <pc:chgData name="张 嘉铭" userId="3511580ec5cbb87e" providerId="LiveId" clId="{12EB5F59-6BAF-4F09-B6E4-8D5D7D126F55}" dt="2023-02-21T03:24:03.960" v="23" actId="1076"/>
      <pc:docMkLst>
        <pc:docMk/>
      </pc:docMkLst>
      <pc:sldChg chg="addSp modSp mod">
        <pc:chgData name="张 嘉铭" userId="3511580ec5cbb87e" providerId="LiveId" clId="{12EB5F59-6BAF-4F09-B6E4-8D5D7D126F55}" dt="2023-02-21T03:24:03.960" v="23" actId="1076"/>
        <pc:sldMkLst>
          <pc:docMk/>
          <pc:sldMk cId="0" sldId="262"/>
        </pc:sldMkLst>
        <pc:spChg chg="mod">
          <ac:chgData name="张 嘉铭" userId="3511580ec5cbb87e" providerId="LiveId" clId="{12EB5F59-6BAF-4F09-B6E4-8D5D7D126F55}" dt="2023-02-21T03:16:20.670" v="2" actId="164"/>
          <ac:spMkLst>
            <pc:docMk/>
            <pc:sldMk cId="0" sldId="262"/>
            <ac:spMk id="25" creationId="{28025BD7-ECEB-687F-B605-C9D4D1990D05}"/>
          </ac:spMkLst>
        </pc:spChg>
        <pc:spChg chg="mod">
          <ac:chgData name="张 嘉铭" userId="3511580ec5cbb87e" providerId="LiveId" clId="{12EB5F59-6BAF-4F09-B6E4-8D5D7D126F55}" dt="2023-02-21T03:16:20.670" v="2" actId="164"/>
          <ac:spMkLst>
            <pc:docMk/>
            <pc:sldMk cId="0" sldId="262"/>
            <ac:spMk id="26" creationId="{D7D5C0E7-E95A-3B01-36E9-51AABD4FD3C3}"/>
          </ac:spMkLst>
        </pc:spChg>
        <pc:spChg chg="mod">
          <ac:chgData name="张 嘉铭" userId="3511580ec5cbb87e" providerId="LiveId" clId="{12EB5F59-6BAF-4F09-B6E4-8D5D7D126F55}" dt="2023-02-21T03:16:38.020" v="3" actId="164"/>
          <ac:spMkLst>
            <pc:docMk/>
            <pc:sldMk cId="0" sldId="262"/>
            <ac:spMk id="27" creationId="{5241C950-FF83-065A-087D-B7D1D24E3DE1}"/>
          </ac:spMkLst>
        </pc:spChg>
        <pc:spChg chg="mod">
          <ac:chgData name="张 嘉铭" userId="3511580ec5cbb87e" providerId="LiveId" clId="{12EB5F59-6BAF-4F09-B6E4-8D5D7D126F55}" dt="2023-02-21T03:16:38.020" v="3" actId="164"/>
          <ac:spMkLst>
            <pc:docMk/>
            <pc:sldMk cId="0" sldId="262"/>
            <ac:spMk id="28" creationId="{2F9F722C-C0DB-3AB3-AD9B-77FEF2A00BB2}"/>
          </ac:spMkLst>
        </pc:spChg>
        <pc:spChg chg="mod">
          <ac:chgData name="张 嘉铭" userId="3511580ec5cbb87e" providerId="LiveId" clId="{12EB5F59-6BAF-4F09-B6E4-8D5D7D126F55}" dt="2023-02-21T03:17:10.133" v="4" actId="164"/>
          <ac:spMkLst>
            <pc:docMk/>
            <pc:sldMk cId="0" sldId="262"/>
            <ac:spMk id="29" creationId="{A8CA9680-8ED6-EA60-BD43-5491876377A4}"/>
          </ac:spMkLst>
        </pc:spChg>
        <pc:spChg chg="mod">
          <ac:chgData name="张 嘉铭" userId="3511580ec5cbb87e" providerId="LiveId" clId="{12EB5F59-6BAF-4F09-B6E4-8D5D7D126F55}" dt="2023-02-21T03:17:10.133" v="4" actId="164"/>
          <ac:spMkLst>
            <pc:docMk/>
            <pc:sldMk cId="0" sldId="262"/>
            <ac:spMk id="30" creationId="{999B27BA-EC60-E1A2-DBE6-DF3F3A1502FD}"/>
          </ac:spMkLst>
        </pc:spChg>
        <pc:spChg chg="mod">
          <ac:chgData name="张 嘉铭" userId="3511580ec5cbb87e" providerId="LiveId" clId="{12EB5F59-6BAF-4F09-B6E4-8D5D7D126F55}" dt="2023-02-21T03:17:20.584" v="5" actId="164"/>
          <ac:spMkLst>
            <pc:docMk/>
            <pc:sldMk cId="0" sldId="262"/>
            <ac:spMk id="31" creationId="{F75872B3-53C9-71CF-141F-042C4AD1533E}"/>
          </ac:spMkLst>
        </pc:spChg>
        <pc:spChg chg="mod">
          <ac:chgData name="张 嘉铭" userId="3511580ec5cbb87e" providerId="LiveId" clId="{12EB5F59-6BAF-4F09-B6E4-8D5D7D126F55}" dt="2023-02-21T03:17:20.584" v="5" actId="164"/>
          <ac:spMkLst>
            <pc:docMk/>
            <pc:sldMk cId="0" sldId="262"/>
            <ac:spMk id="32" creationId="{22BA6371-C6E0-7E49-E00E-1537BC266F6E}"/>
          </ac:spMkLst>
        </pc:spChg>
        <pc:spChg chg="mod">
          <ac:chgData name="张 嘉铭" userId="3511580ec5cbb87e" providerId="LiveId" clId="{12EB5F59-6BAF-4F09-B6E4-8D5D7D126F55}" dt="2023-02-21T03:17:20.584" v="5" actId="164"/>
          <ac:spMkLst>
            <pc:docMk/>
            <pc:sldMk cId="0" sldId="262"/>
            <ac:spMk id="33" creationId="{2A4EF71C-8DC9-B38E-C984-7A0325164A73}"/>
          </ac:spMkLst>
        </pc:spChg>
        <pc:spChg chg="mod">
          <ac:chgData name="张 嘉铭" userId="3511580ec5cbb87e" providerId="LiveId" clId="{12EB5F59-6BAF-4F09-B6E4-8D5D7D126F55}" dt="2023-02-21T03:17:30.092" v="6" actId="164"/>
          <ac:spMkLst>
            <pc:docMk/>
            <pc:sldMk cId="0" sldId="262"/>
            <ac:spMk id="35" creationId="{91F15228-3583-0718-0902-0B1FD28AB152}"/>
          </ac:spMkLst>
        </pc:spChg>
        <pc:spChg chg="mod">
          <ac:chgData name="张 嘉铭" userId="3511580ec5cbb87e" providerId="LiveId" clId="{12EB5F59-6BAF-4F09-B6E4-8D5D7D126F55}" dt="2023-02-21T03:16:20.670" v="2" actId="164"/>
          <ac:spMkLst>
            <pc:docMk/>
            <pc:sldMk cId="0" sldId="262"/>
            <ac:spMk id="38" creationId="{CD5737A8-7E1F-B419-8B2D-2A2D571BE8E8}"/>
          </ac:spMkLst>
        </pc:spChg>
        <pc:spChg chg="mod">
          <ac:chgData name="张 嘉铭" userId="3511580ec5cbb87e" providerId="LiveId" clId="{12EB5F59-6BAF-4F09-B6E4-8D5D7D126F55}" dt="2023-02-21T03:17:30.092" v="6" actId="164"/>
          <ac:spMkLst>
            <pc:docMk/>
            <pc:sldMk cId="0" sldId="262"/>
            <ac:spMk id="45" creationId="{481E9D13-9193-ABCA-1B46-94D0C2735E04}"/>
          </ac:spMkLst>
        </pc:spChg>
        <pc:spChg chg="add mod">
          <ac:chgData name="张 嘉铭" userId="3511580ec5cbb87e" providerId="LiveId" clId="{12EB5F59-6BAF-4F09-B6E4-8D5D7D126F55}" dt="2023-02-21T03:23:40.071" v="16" actId="14100"/>
          <ac:spMkLst>
            <pc:docMk/>
            <pc:sldMk cId="0" sldId="262"/>
            <ac:spMk id="65" creationId="{0213E8FD-4C98-5B2D-8E83-3D183AE9E249}"/>
          </ac:spMkLst>
        </pc:spChg>
        <pc:spChg chg="add mod">
          <ac:chgData name="张 嘉铭" userId="3511580ec5cbb87e" providerId="LiveId" clId="{12EB5F59-6BAF-4F09-B6E4-8D5D7D126F55}" dt="2023-02-21T03:24:03.960" v="23" actId="1076"/>
          <ac:spMkLst>
            <pc:docMk/>
            <pc:sldMk cId="0" sldId="262"/>
            <ac:spMk id="66" creationId="{897F13D1-7572-D651-5FB1-7342C72BB912}"/>
          </ac:spMkLst>
        </pc:spChg>
        <pc:grpChg chg="add mod">
          <ac:chgData name="张 嘉铭" userId="3511580ec5cbb87e" providerId="LiveId" clId="{12EB5F59-6BAF-4F09-B6E4-8D5D7D126F55}" dt="2023-02-21T03:23:22.597" v="13" actId="1076"/>
          <ac:grpSpMkLst>
            <pc:docMk/>
            <pc:sldMk cId="0" sldId="262"/>
            <ac:grpSpMk id="48" creationId="{F67C9BFB-8686-D70F-3BA5-6979B7B325DF}"/>
          </ac:grpSpMkLst>
        </pc:grpChg>
        <pc:grpChg chg="add mod">
          <ac:chgData name="张 嘉铭" userId="3511580ec5cbb87e" providerId="LiveId" clId="{12EB5F59-6BAF-4F09-B6E4-8D5D7D126F55}" dt="2023-02-21T03:23:22.597" v="13" actId="1076"/>
          <ac:grpSpMkLst>
            <pc:docMk/>
            <pc:sldMk cId="0" sldId="262"/>
            <ac:grpSpMk id="51" creationId="{AA5070D7-7FF2-5CCD-0EA4-8F4FC26F50A6}"/>
          </ac:grpSpMkLst>
        </pc:grpChg>
        <pc:grpChg chg="add mod">
          <ac:chgData name="张 嘉铭" userId="3511580ec5cbb87e" providerId="LiveId" clId="{12EB5F59-6BAF-4F09-B6E4-8D5D7D126F55}" dt="2023-02-21T03:23:22.597" v="13" actId="1076"/>
          <ac:grpSpMkLst>
            <pc:docMk/>
            <pc:sldMk cId="0" sldId="262"/>
            <ac:grpSpMk id="54" creationId="{FA1FA5E9-7842-2849-FA53-AC5BFCD81491}"/>
          </ac:grpSpMkLst>
        </pc:grpChg>
        <pc:grpChg chg="add mod">
          <ac:chgData name="张 嘉铭" userId="3511580ec5cbb87e" providerId="LiveId" clId="{12EB5F59-6BAF-4F09-B6E4-8D5D7D126F55}" dt="2023-02-21T03:23:22.597" v="13" actId="1076"/>
          <ac:grpSpMkLst>
            <pc:docMk/>
            <pc:sldMk cId="0" sldId="262"/>
            <ac:grpSpMk id="57" creationId="{E6CCA144-BFD4-FDF2-6EC9-A979E5A8A30A}"/>
          </ac:grpSpMkLst>
        </pc:grpChg>
        <pc:grpChg chg="add mod">
          <ac:chgData name="张 嘉铭" userId="3511580ec5cbb87e" providerId="LiveId" clId="{12EB5F59-6BAF-4F09-B6E4-8D5D7D126F55}" dt="2023-02-21T03:23:22.597" v="13" actId="1076"/>
          <ac:grpSpMkLst>
            <pc:docMk/>
            <pc:sldMk cId="0" sldId="262"/>
            <ac:grpSpMk id="60" creationId="{FE3B5BB1-BCD4-7F7B-4876-2376B8370A3B}"/>
          </ac:grpSpMkLst>
        </pc:grpChg>
        <pc:graphicFrameChg chg="mod modGraphic">
          <ac:chgData name="张 嘉铭" userId="3511580ec5cbb87e" providerId="LiveId" clId="{12EB5F59-6BAF-4F09-B6E4-8D5D7D126F55}" dt="2023-02-21T03:22:52.406" v="12" actId="20577"/>
          <ac:graphicFrameMkLst>
            <pc:docMk/>
            <pc:sldMk cId="0" sldId="262"/>
            <ac:graphicFrameMk id="2" creationId="{00000000-0000-0000-0000-000000000000}"/>
          </ac:graphicFrameMkLst>
        </pc:graphicFrame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3284A06D-8CB5-4B3A-A3E2-C90773A78026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BCC23B1-E8E0-49E4-AC14-B867FD09BC2C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6D716FB-5E04-4D98-9913-AA4CB0181CE4}" type="datetimeFigureOut">
              <a:rPr lang="en-US" smtClean="0"/>
              <a:t>2/20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DF352BD-D721-45F5-8760-CA4E77DDDFE8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01F23D4-88DA-4542-99E6-7E670733423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918A065-D35E-4B13-8CE4-4628262E851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74407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885592A-CE7F-4296-BA07-797B8BCBCD68}" type="datetimeFigureOut">
              <a:rPr lang="en-US" smtClean="0"/>
              <a:t>2/20/20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313282B-5406-4D18-83F8-88BC3E127D5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98285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21D8-F2E8-4CA0-B0BB-2E7F3B7ABD33}" type="datetimeFigureOut">
              <a:rPr lang="en-US" smtClean="0"/>
              <a:pPr/>
              <a:t>2/20/2023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91A9FD-CDA2-4BA5-8C18-59D6F59EB34A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21D8-F2E8-4CA0-B0BB-2E7F3B7ABD33}" type="datetimeFigureOut">
              <a:rPr lang="en-US" smtClean="0"/>
              <a:pPr/>
              <a:t>2/20/2023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91A9FD-CDA2-4BA5-8C18-59D6F59EB34A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altLang="zh-CN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altLang="zh-CN"/>
              <a:t>Click to edit Master text styles</a:t>
            </a:r>
          </a:p>
          <a:p>
            <a:pPr lvl="1"/>
            <a:r>
              <a:rPr lang="en-US" altLang="zh-CN"/>
              <a:t>Second level</a:t>
            </a:r>
          </a:p>
          <a:p>
            <a:pPr lvl="2"/>
            <a:r>
              <a:rPr lang="en-US" altLang="zh-CN"/>
              <a:t>Third level</a:t>
            </a:r>
          </a:p>
          <a:p>
            <a:pPr lvl="3"/>
            <a:r>
              <a:rPr lang="en-US" altLang="zh-CN"/>
              <a:t>Fourth level</a:t>
            </a:r>
          </a:p>
          <a:p>
            <a:pPr lvl="4"/>
            <a:r>
              <a:rPr lang="en-US" altLang="zh-CN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0E721D8-F2E8-4CA0-B0BB-2E7F3B7ABD33}" type="datetimeFigureOut">
              <a:rPr lang="en-US" smtClean="0"/>
              <a:pPr/>
              <a:t>2/20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091A9FD-CDA2-4BA5-8C18-59D6F59EB34A}" type="slidenum">
              <a:rPr lang="en-US" smtClean="0"/>
              <a:pPr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5" r:id="rId2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6" name="Table 35">
            <a:extLst>
              <a:ext uri="{FF2B5EF4-FFF2-40B4-BE49-F238E27FC236}">
                <a16:creationId xmlns:a16="http://schemas.microsoft.com/office/drawing/2014/main" id="{6B713E10-0068-234C-8B16-F537A4786AB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37550989"/>
              </p:ext>
            </p:extLst>
          </p:nvPr>
        </p:nvGraphicFramePr>
        <p:xfrm>
          <a:off x="263352" y="116632"/>
          <a:ext cx="11305256" cy="391232"/>
        </p:xfrm>
        <a:graphic>
          <a:graphicData uri="http://schemas.openxmlformats.org/drawingml/2006/table">
            <a:tbl>
              <a:tblPr firstRow="1" bandRow="1">
                <a:effectLst>
                  <a:outerShdw blurRad="114300" dist="38100" dir="2700000" algn="tl" rotWithShape="0">
                    <a:prstClr val="black">
                      <a:alpha val="20000"/>
                    </a:prstClr>
                  </a:outerShdw>
                </a:effectLst>
                <a:tableStyleId>{5C22544A-7EE6-4342-B048-85BDC9FD1C3A}</a:tableStyleId>
              </a:tblPr>
              <a:tblGrid>
                <a:gridCol w="280831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08823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088232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2088232">
                  <a:extLst>
                    <a:ext uri="{9D8B030D-6E8A-4147-A177-3AD203B41FA5}">
                      <a16:colId xmlns:a16="http://schemas.microsoft.com/office/drawing/2014/main" val="1242637921"/>
                    </a:ext>
                  </a:extLst>
                </a:gridCol>
                <a:gridCol w="2232248">
                  <a:extLst>
                    <a:ext uri="{9D8B030D-6E8A-4147-A177-3AD203B41FA5}">
                      <a16:colId xmlns:a16="http://schemas.microsoft.com/office/drawing/2014/main" val="3381644749"/>
                    </a:ext>
                  </a:extLst>
                </a:gridCol>
              </a:tblGrid>
              <a:tr h="360000">
                <a:tc>
                  <a:txBody>
                    <a:bodyPr/>
                    <a:lstStyle/>
                    <a:p>
                      <a:pPr algn="ctr"/>
                      <a:r>
                        <a:rPr lang="en-US" sz="1900" b="1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Tasks</a:t>
                      </a: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900" b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Feb</a:t>
                      </a:r>
                      <a:endParaRPr lang="en-US" sz="1900" b="0" dirty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900" b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ar</a:t>
                      </a:r>
                      <a:endParaRPr lang="en-US" sz="1900" b="0" dirty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900" b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pr</a:t>
                      </a:r>
                      <a:endParaRPr lang="en-US" sz="1900" b="0" dirty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900" b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ay</a:t>
                      </a: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27804489"/>
              </p:ext>
            </p:extLst>
          </p:nvPr>
        </p:nvGraphicFramePr>
        <p:xfrm>
          <a:off x="263352" y="516045"/>
          <a:ext cx="15456752" cy="5141968"/>
        </p:xfrm>
        <a:graphic>
          <a:graphicData uri="http://schemas.openxmlformats.org/drawingml/2006/table">
            <a:tbl>
              <a:tblPr firstRow="1" bandRow="1">
                <a:effectLst>
                  <a:outerShdw blurRad="114300" dist="38100" dir="2700000" algn="tl" rotWithShape="0">
                    <a:prstClr val="black">
                      <a:alpha val="20000"/>
                    </a:prstClr>
                  </a:outerShdw>
                </a:effectLst>
                <a:tableStyleId>{5C22544A-7EE6-4342-B048-85BDC9FD1C3A}</a:tableStyleId>
              </a:tblPr>
              <a:tblGrid>
                <a:gridCol w="28080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2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4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5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6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17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18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19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0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1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2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3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4"/>
                    </a:ext>
                  </a:extLst>
                </a:gridCol>
              </a:tblGrid>
              <a:tr h="345512">
                <a:tc>
                  <a:txBody>
                    <a:bodyPr/>
                    <a:lstStyle/>
                    <a:p>
                      <a:pPr algn="l"/>
                      <a:endParaRPr lang="en-US" sz="1600" dirty="0">
                        <a:solidFill>
                          <a:srgbClr val="1F497D"/>
                        </a:solidFill>
                        <a:latin typeface="+mn-lt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</a:t>
                      </a:r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1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2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3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4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5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6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7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8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9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0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1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2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3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4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5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6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J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J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A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S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O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N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D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Literature Review &amp; Training Session</a:t>
                      </a:r>
                    </a:p>
                  </a:txBody>
                  <a:tcPr marL="101672" marR="101672" marT="50836" marB="50836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n automatic data acquisition demo</a:t>
                      </a:r>
                    </a:p>
                  </a:txBody>
                  <a:tcPr marL="101672" marR="101672" marT="50836" marB="50836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32368122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lvl="0" algn="l"/>
                      <a:r>
                        <a:rPr lang="en-US" sz="1050" b="1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 well-documented SyntheX repo</a:t>
                      </a:r>
                    </a:p>
                  </a:txBody>
                  <a:tcPr marL="101672" marR="101672" marT="50836" marB="50836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46719964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Integrate all packages into a sole package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Construct a data exchange channel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Train the networks and get the pytorch file</a:t>
                      </a:r>
                      <a:endParaRPr lang="en-US" sz="1050" dirty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Design an automatic pipeline for data acquisition, training, and 2D/3D registration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39628237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Simulate the scene of projective visualization in unity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03926597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b="1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Validate the program on phantom and write a report about the validation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77491606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Design a software with user-friendly GUI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Improve robustness and have a debug log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b="1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Validate the program on cadaveric and write a report about the validat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ixed Reality Visualizat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</a:tbl>
          </a:graphicData>
        </a:graphic>
      </p:graphicFrame>
      <p:sp>
        <p:nvSpPr>
          <p:cNvPr id="39" name="Rounded Rectangle 38"/>
          <p:cNvSpPr/>
          <p:nvPr/>
        </p:nvSpPr>
        <p:spPr>
          <a:xfrm>
            <a:off x="3227883" y="960421"/>
            <a:ext cx="532948" cy="184666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solidFill>
                <a:schemeClr val="bg1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49" name="Rounded Rectangle 48"/>
          <p:cNvSpPr/>
          <p:nvPr/>
        </p:nvSpPr>
        <p:spPr>
          <a:xfrm>
            <a:off x="3535641" y="1268760"/>
            <a:ext cx="1514669" cy="190842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63" name="Flowchart: Decision 3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832304" y="6289498"/>
            <a:ext cx="271122" cy="451870"/>
          </a:xfrm>
          <a:prstGeom prst="flowChartDecision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64" name="Flowchart: Decision 3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9225461" y="6289498"/>
            <a:ext cx="271122" cy="451870"/>
          </a:xfrm>
          <a:prstGeom prst="flowChartDecision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3" name="OTLSHAPE_SLT_5b87359c2c954ae4906972a3b70de9e6_JoinedDate">
            <a:extLst>
              <a:ext uri="{FF2B5EF4-FFF2-40B4-BE49-F238E27FC236}">
                <a16:creationId xmlns:a16="http://schemas.microsoft.com/office/drawing/2014/main" id="{EED41BB8-77A8-479B-181C-986260347E98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3553525" y="973372"/>
            <a:ext cx="1142032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eb 6 - Feb 9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4" name="OTLSHAPE_SLT_5b87359c2c954ae4906972a3b70de9e6_JoinedDate">
            <a:extLst>
              <a:ext uri="{FF2B5EF4-FFF2-40B4-BE49-F238E27FC236}">
                <a16:creationId xmlns:a16="http://schemas.microsoft.com/office/drawing/2014/main" id="{12300E98-181F-A9D9-84F5-B69C18EBE8B6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5031885" y="1332981"/>
            <a:ext cx="1142032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eb 8 - Feb 21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5" name="Star: 4 Points 14">
            <a:extLst>
              <a:ext uri="{FF2B5EF4-FFF2-40B4-BE49-F238E27FC236}">
                <a16:creationId xmlns:a16="http://schemas.microsoft.com/office/drawing/2014/main" id="{54612C87-A8FA-BED2-8488-CF2BB6799355}"/>
              </a:ext>
            </a:extLst>
          </p:cNvPr>
          <p:cNvSpPr/>
          <p:nvPr/>
        </p:nvSpPr>
        <p:spPr>
          <a:xfrm>
            <a:off x="5264244" y="1628800"/>
            <a:ext cx="183684" cy="189242"/>
          </a:xfrm>
          <a:prstGeom prst="star4">
            <a:avLst>
              <a:gd name="adj" fmla="val 14625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6" name="OTLSHAPE_SLT_5b87359c2c954ae4906972a3b70de9e6_JoinedDate">
            <a:extLst>
              <a:ext uri="{FF2B5EF4-FFF2-40B4-BE49-F238E27FC236}">
                <a16:creationId xmlns:a16="http://schemas.microsoft.com/office/drawing/2014/main" id="{1F95B34A-BFD1-B601-03CB-DC0B78F49FF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5436518" y="1628800"/>
            <a:ext cx="947514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eb 1 - Mar 6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7" name="Rounded Rectangle 48">
            <a:extLst>
              <a:ext uri="{FF2B5EF4-FFF2-40B4-BE49-F238E27FC236}">
                <a16:creationId xmlns:a16="http://schemas.microsoft.com/office/drawing/2014/main" id="{FE318BB1-4CF2-5896-54D3-C446C9C929CA}"/>
              </a:ext>
            </a:extLst>
          </p:cNvPr>
          <p:cNvSpPr/>
          <p:nvPr/>
        </p:nvSpPr>
        <p:spPr>
          <a:xfrm>
            <a:off x="5591944" y="2674775"/>
            <a:ext cx="581973" cy="190842"/>
          </a:xfrm>
          <a:prstGeom prst="roundRect">
            <a:avLst>
              <a:gd name="adj" fmla="val 48717"/>
            </a:avLst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9" name="OTLSHAPE_SLT_5b87359c2c954ae4906972a3b70de9e6_JoinedDate">
            <a:extLst>
              <a:ext uri="{FF2B5EF4-FFF2-40B4-BE49-F238E27FC236}">
                <a16:creationId xmlns:a16="http://schemas.microsoft.com/office/drawing/2014/main" id="{72744D9B-BDE6-FC6F-EEA6-190A8439332A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6246603" y="2704674"/>
            <a:ext cx="1282981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11 – Mar 15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0" name="Rounded Rectangle 48">
            <a:extLst>
              <a:ext uri="{FF2B5EF4-FFF2-40B4-BE49-F238E27FC236}">
                <a16:creationId xmlns:a16="http://schemas.microsoft.com/office/drawing/2014/main" id="{BB3EB05B-C22F-99CE-E4FB-24A0FD174A1C}"/>
              </a:ext>
            </a:extLst>
          </p:cNvPr>
          <p:cNvSpPr/>
          <p:nvPr/>
        </p:nvSpPr>
        <p:spPr>
          <a:xfrm>
            <a:off x="5850909" y="2328998"/>
            <a:ext cx="1282981" cy="190842"/>
          </a:xfrm>
          <a:prstGeom prst="roundRect">
            <a:avLst>
              <a:gd name="adj" fmla="val 48717"/>
            </a:avLst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1" name="OTLSHAPE_SLT_5b87359c2c954ae4906972a3b70de9e6_JoinedDate">
            <a:extLst>
              <a:ext uri="{FF2B5EF4-FFF2-40B4-BE49-F238E27FC236}">
                <a16:creationId xmlns:a16="http://schemas.microsoft.com/office/drawing/2014/main" id="{DE389BC2-51DA-C801-BEC0-684CDF15E7C5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7014830" y="2328998"/>
            <a:ext cx="1282981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13 – Mar 27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2" name="Rounded Rectangle 48">
            <a:extLst>
              <a:ext uri="{FF2B5EF4-FFF2-40B4-BE49-F238E27FC236}">
                <a16:creationId xmlns:a16="http://schemas.microsoft.com/office/drawing/2014/main" id="{E5983DB5-CFC9-66D0-A297-6237E980274F}"/>
              </a:ext>
            </a:extLst>
          </p:cNvPr>
          <p:cNvSpPr/>
          <p:nvPr/>
        </p:nvSpPr>
        <p:spPr>
          <a:xfrm>
            <a:off x="5332208" y="1977348"/>
            <a:ext cx="1872208" cy="190842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3" name="OTLSHAPE_SLT_5b87359c2c954ae4906972a3b70de9e6_JoinedDate">
            <a:extLst>
              <a:ext uri="{FF2B5EF4-FFF2-40B4-BE49-F238E27FC236}">
                <a16:creationId xmlns:a16="http://schemas.microsoft.com/office/drawing/2014/main" id="{F939EABD-EADE-AB49-FD8C-AC915C718605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7307629" y="1991977"/>
            <a:ext cx="994949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6 – Mar 31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4" name="Rounded Rectangle 48">
            <a:extLst>
              <a:ext uri="{FF2B5EF4-FFF2-40B4-BE49-F238E27FC236}">
                <a16:creationId xmlns:a16="http://schemas.microsoft.com/office/drawing/2014/main" id="{BFB7E36A-9AE3-5350-101B-A176AA8782F8}"/>
              </a:ext>
            </a:extLst>
          </p:cNvPr>
          <p:cNvSpPr/>
          <p:nvPr/>
        </p:nvSpPr>
        <p:spPr>
          <a:xfrm>
            <a:off x="3147350" y="1627209"/>
            <a:ext cx="2018455" cy="190842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grpSp>
        <p:nvGrpSpPr>
          <p:cNvPr id="51" name="Group 50">
            <a:extLst>
              <a:ext uri="{FF2B5EF4-FFF2-40B4-BE49-F238E27FC236}">
                <a16:creationId xmlns:a16="http://schemas.microsoft.com/office/drawing/2014/main" id="{AA5070D7-7FF2-5CCD-0EA4-8F4FC26F50A6}"/>
              </a:ext>
            </a:extLst>
          </p:cNvPr>
          <p:cNvGrpSpPr/>
          <p:nvPr/>
        </p:nvGrpSpPr>
        <p:grpSpPr>
          <a:xfrm>
            <a:off x="7346494" y="4252515"/>
            <a:ext cx="2734201" cy="197149"/>
            <a:chOff x="7317974" y="3834622"/>
            <a:chExt cx="2734201" cy="197149"/>
          </a:xfrm>
        </p:grpSpPr>
        <p:sp>
          <p:nvSpPr>
            <p:cNvPr id="27" name="Rounded Rectangle 48">
              <a:extLst>
                <a:ext uri="{FF2B5EF4-FFF2-40B4-BE49-F238E27FC236}">
                  <a16:creationId xmlns:a16="http://schemas.microsoft.com/office/drawing/2014/main" id="{5241C950-FF83-065A-087D-B7D1D24E3DE1}"/>
                </a:ext>
              </a:extLst>
            </p:cNvPr>
            <p:cNvSpPr/>
            <p:nvPr/>
          </p:nvSpPr>
          <p:spPr>
            <a:xfrm>
              <a:off x="7317974" y="3840929"/>
              <a:ext cx="1676764" cy="190842"/>
            </a:xfrm>
            <a:prstGeom prst="roundRect">
              <a:avLst>
                <a:gd name="adj" fmla="val 48717"/>
              </a:avLst>
            </a:prstGeom>
            <a:solidFill>
              <a:schemeClr val="accent5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28" name="OTLSHAPE_SLT_5b87359c2c954ae4906972a3b70de9e6_JoinedDate">
              <a:extLst>
                <a:ext uri="{FF2B5EF4-FFF2-40B4-BE49-F238E27FC236}">
                  <a16:creationId xmlns:a16="http://schemas.microsoft.com/office/drawing/2014/main" id="{2F9F722C-C0DB-3AB3-AD9B-77FEF2A00BB2}"/>
                </a:ext>
              </a:extLst>
            </p:cNvPr>
            <p:cNvSpPr txBox="1"/>
            <p:nvPr>
              <p:custDataLst>
                <p:tags r:id="rId13"/>
              </p:custDataLst>
            </p:nvPr>
          </p:nvSpPr>
          <p:spPr>
            <a:xfrm>
              <a:off x="8994738" y="3834622"/>
              <a:ext cx="1057437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 dirty="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Apr 1 – Apr 15</a:t>
              </a:r>
              <a:endParaRPr lang="zh-CN" altLang="en-US" sz="1050" spc="-6" dirty="0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grpSp>
        <p:nvGrpSpPr>
          <p:cNvPr id="54" name="Group 53">
            <a:extLst>
              <a:ext uri="{FF2B5EF4-FFF2-40B4-BE49-F238E27FC236}">
                <a16:creationId xmlns:a16="http://schemas.microsoft.com/office/drawing/2014/main" id="{FA1FA5E9-7842-2849-FA53-AC5BFCD81491}"/>
              </a:ext>
            </a:extLst>
          </p:cNvPr>
          <p:cNvGrpSpPr/>
          <p:nvPr/>
        </p:nvGrpSpPr>
        <p:grpSpPr>
          <a:xfrm>
            <a:off x="8735227" y="4618401"/>
            <a:ext cx="1787037" cy="190842"/>
            <a:chOff x="8706707" y="4200508"/>
            <a:chExt cx="1787037" cy="190842"/>
          </a:xfrm>
        </p:grpSpPr>
        <p:sp>
          <p:nvSpPr>
            <p:cNvPr id="29" name="Rounded Rectangle 48">
              <a:extLst>
                <a:ext uri="{FF2B5EF4-FFF2-40B4-BE49-F238E27FC236}">
                  <a16:creationId xmlns:a16="http://schemas.microsoft.com/office/drawing/2014/main" id="{A8CA9680-8ED6-EA60-BD43-5491876377A4}"/>
                </a:ext>
              </a:extLst>
            </p:cNvPr>
            <p:cNvSpPr/>
            <p:nvPr/>
          </p:nvSpPr>
          <p:spPr>
            <a:xfrm>
              <a:off x="8706707" y="4200508"/>
              <a:ext cx="504056" cy="190842"/>
            </a:xfrm>
            <a:prstGeom prst="roundRect">
              <a:avLst>
                <a:gd name="adj" fmla="val 48717"/>
              </a:avLst>
            </a:prstGeom>
            <a:solidFill>
              <a:schemeClr val="accent5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0" name="OTLSHAPE_SLT_5b87359c2c954ae4906972a3b70de9e6_JoinedDate">
              <a:extLst>
                <a:ext uri="{FF2B5EF4-FFF2-40B4-BE49-F238E27FC236}">
                  <a16:creationId xmlns:a16="http://schemas.microsoft.com/office/drawing/2014/main" id="{999B27BA-EC60-E1A2-DBE6-DF3F3A1502FD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9210763" y="4200508"/>
              <a:ext cx="1282981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 dirty="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Apr 13 – Apr 17</a:t>
              </a:r>
              <a:endParaRPr lang="zh-CN" altLang="en-US" sz="1050" spc="-6" dirty="0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grpSp>
        <p:nvGrpSpPr>
          <p:cNvPr id="57" name="Group 56">
            <a:extLst>
              <a:ext uri="{FF2B5EF4-FFF2-40B4-BE49-F238E27FC236}">
                <a16:creationId xmlns:a16="http://schemas.microsoft.com/office/drawing/2014/main" id="{E6CCA144-BFD4-FDF2-6EC9-A979E5A8A30A}"/>
              </a:ext>
            </a:extLst>
          </p:cNvPr>
          <p:cNvGrpSpPr/>
          <p:nvPr/>
        </p:nvGrpSpPr>
        <p:grpSpPr>
          <a:xfrm>
            <a:off x="9039466" y="4977500"/>
            <a:ext cx="2048107" cy="191322"/>
            <a:chOff x="9010946" y="4559607"/>
            <a:chExt cx="2048107" cy="191322"/>
          </a:xfrm>
        </p:grpSpPr>
        <p:sp>
          <p:nvSpPr>
            <p:cNvPr id="31" name="Rounded Rectangle 48">
              <a:extLst>
                <a:ext uri="{FF2B5EF4-FFF2-40B4-BE49-F238E27FC236}">
                  <a16:creationId xmlns:a16="http://schemas.microsoft.com/office/drawing/2014/main" id="{F75872B3-53C9-71CF-141F-042C4AD1533E}"/>
                </a:ext>
              </a:extLst>
            </p:cNvPr>
            <p:cNvSpPr/>
            <p:nvPr/>
          </p:nvSpPr>
          <p:spPr>
            <a:xfrm>
              <a:off x="9010946" y="4560087"/>
              <a:ext cx="648071" cy="190842"/>
            </a:xfrm>
            <a:prstGeom prst="roundRect">
              <a:avLst>
                <a:gd name="adj" fmla="val 48717"/>
              </a:avLst>
            </a:prstGeom>
            <a:solidFill>
              <a:schemeClr val="accent5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2" name="OTLSHAPE_SLT_5b87359c2c954ae4906972a3b70de9e6_JoinedDate">
              <a:extLst>
                <a:ext uri="{FF2B5EF4-FFF2-40B4-BE49-F238E27FC236}">
                  <a16:creationId xmlns:a16="http://schemas.microsoft.com/office/drawing/2014/main" id="{22BA6371-C6E0-7E49-E00E-1537BC266F6E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10022208" y="4574716"/>
              <a:ext cx="1036845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 dirty="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Apr 18 – Apr 25</a:t>
              </a:r>
              <a:endParaRPr lang="zh-CN" altLang="en-US" sz="1050" spc="-6" dirty="0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3" name="Star: 4 Points 32">
              <a:extLst>
                <a:ext uri="{FF2B5EF4-FFF2-40B4-BE49-F238E27FC236}">
                  <a16:creationId xmlns:a16="http://schemas.microsoft.com/office/drawing/2014/main" id="{2A4EF71C-8DC9-B38E-C984-7A0325164A73}"/>
                </a:ext>
              </a:extLst>
            </p:cNvPr>
            <p:cNvSpPr/>
            <p:nvPr/>
          </p:nvSpPr>
          <p:spPr>
            <a:xfrm>
              <a:off x="9762699" y="4559607"/>
              <a:ext cx="183684" cy="189242"/>
            </a:xfrm>
            <a:prstGeom prst="star4">
              <a:avLst>
                <a:gd name="adj" fmla="val 14625"/>
              </a:avLst>
            </a:prstGeom>
            <a:solidFill>
              <a:srgbClr val="FF0000"/>
            </a:solidFill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</p:grpSp>
      <p:grpSp>
        <p:nvGrpSpPr>
          <p:cNvPr id="48" name="Group 47">
            <a:extLst>
              <a:ext uri="{FF2B5EF4-FFF2-40B4-BE49-F238E27FC236}">
                <a16:creationId xmlns:a16="http://schemas.microsoft.com/office/drawing/2014/main" id="{F67C9BFB-8686-D70F-3BA5-6979B7B325DF}"/>
              </a:ext>
            </a:extLst>
          </p:cNvPr>
          <p:cNvGrpSpPr/>
          <p:nvPr/>
        </p:nvGrpSpPr>
        <p:grpSpPr>
          <a:xfrm>
            <a:off x="7232936" y="3871000"/>
            <a:ext cx="2156606" cy="197256"/>
            <a:chOff x="7204416" y="3453107"/>
            <a:chExt cx="2156606" cy="197256"/>
          </a:xfrm>
        </p:grpSpPr>
        <p:sp>
          <p:nvSpPr>
            <p:cNvPr id="25" name="Star: 4 Points 24">
              <a:extLst>
                <a:ext uri="{FF2B5EF4-FFF2-40B4-BE49-F238E27FC236}">
                  <a16:creationId xmlns:a16="http://schemas.microsoft.com/office/drawing/2014/main" id="{28025BD7-ECEB-687F-B605-C9D4D1990D05}"/>
                </a:ext>
              </a:extLst>
            </p:cNvPr>
            <p:cNvSpPr/>
            <p:nvPr/>
          </p:nvSpPr>
          <p:spPr>
            <a:xfrm>
              <a:off x="8023790" y="3461121"/>
              <a:ext cx="183684" cy="189242"/>
            </a:xfrm>
            <a:prstGeom prst="star4">
              <a:avLst>
                <a:gd name="adj" fmla="val 14625"/>
              </a:avLst>
            </a:prstGeom>
            <a:solidFill>
              <a:srgbClr val="FF0000"/>
            </a:solidFill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6" name="OTLSHAPE_SLT_5b87359c2c954ae4906972a3b70de9e6_JoinedDate">
              <a:extLst>
                <a:ext uri="{FF2B5EF4-FFF2-40B4-BE49-F238E27FC236}">
                  <a16:creationId xmlns:a16="http://schemas.microsoft.com/office/drawing/2014/main" id="{D7D5C0E7-E95A-3B01-36E9-51AABD4FD3C3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8366073" y="3459941"/>
              <a:ext cx="994949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 dirty="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Mar 31 – Apr 4 </a:t>
              </a:r>
              <a:endParaRPr lang="zh-CN" altLang="en-US" sz="1050" spc="-6" dirty="0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8" name="Rounded Rectangle 48">
              <a:extLst>
                <a:ext uri="{FF2B5EF4-FFF2-40B4-BE49-F238E27FC236}">
                  <a16:creationId xmlns:a16="http://schemas.microsoft.com/office/drawing/2014/main" id="{CD5737A8-7E1F-B419-8B2D-2A2D571BE8E8}"/>
                </a:ext>
              </a:extLst>
            </p:cNvPr>
            <p:cNvSpPr/>
            <p:nvPr/>
          </p:nvSpPr>
          <p:spPr>
            <a:xfrm>
              <a:off x="7204416" y="3453107"/>
              <a:ext cx="717971" cy="190842"/>
            </a:xfrm>
            <a:prstGeom prst="roundRect">
              <a:avLst>
                <a:gd name="adj" fmla="val 48717"/>
              </a:avLst>
            </a:prstGeom>
            <a:solidFill>
              <a:schemeClr val="accent2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sp>
        <p:nvSpPr>
          <p:cNvPr id="40" name="Rounded Rectangle 48">
            <a:extLst>
              <a:ext uri="{FF2B5EF4-FFF2-40B4-BE49-F238E27FC236}">
                <a16:creationId xmlns:a16="http://schemas.microsoft.com/office/drawing/2014/main" id="{B45D20C6-0E21-C7BA-7BE3-E9489A540E60}"/>
              </a:ext>
            </a:extLst>
          </p:cNvPr>
          <p:cNvSpPr/>
          <p:nvPr/>
        </p:nvSpPr>
        <p:spPr>
          <a:xfrm>
            <a:off x="6672064" y="3068960"/>
            <a:ext cx="516505" cy="190842"/>
          </a:xfrm>
          <a:prstGeom prst="roundRect">
            <a:avLst>
              <a:gd name="adj" fmla="val 48717"/>
            </a:avLst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42" name="OTLSHAPE_SLT_5b87359c2c954ae4906972a3b70de9e6_JoinedDate">
            <a:extLst>
              <a:ext uri="{FF2B5EF4-FFF2-40B4-BE49-F238E27FC236}">
                <a16:creationId xmlns:a16="http://schemas.microsoft.com/office/drawing/2014/main" id="{EC30EF55-B43D-2FC5-D242-E62FD2C46E9F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7188569" y="3068960"/>
            <a:ext cx="1282981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20 – Mar 27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grpSp>
        <p:nvGrpSpPr>
          <p:cNvPr id="60" name="Group 59">
            <a:extLst>
              <a:ext uri="{FF2B5EF4-FFF2-40B4-BE49-F238E27FC236}">
                <a16:creationId xmlns:a16="http://schemas.microsoft.com/office/drawing/2014/main" id="{FE3B5BB1-BCD4-7F7B-4876-2376B8370A3B}"/>
              </a:ext>
            </a:extLst>
          </p:cNvPr>
          <p:cNvGrpSpPr/>
          <p:nvPr/>
        </p:nvGrpSpPr>
        <p:grpSpPr>
          <a:xfrm>
            <a:off x="9599322" y="5393500"/>
            <a:ext cx="1676764" cy="190842"/>
            <a:chOff x="9570802" y="4975607"/>
            <a:chExt cx="1676764" cy="190842"/>
          </a:xfrm>
        </p:grpSpPr>
        <p:sp>
          <p:nvSpPr>
            <p:cNvPr id="35" name="Rounded Rectangle 48">
              <a:extLst>
                <a:ext uri="{FF2B5EF4-FFF2-40B4-BE49-F238E27FC236}">
                  <a16:creationId xmlns:a16="http://schemas.microsoft.com/office/drawing/2014/main" id="{91F15228-3583-0718-0902-0B1FD28AB152}"/>
                </a:ext>
              </a:extLst>
            </p:cNvPr>
            <p:cNvSpPr/>
            <p:nvPr/>
          </p:nvSpPr>
          <p:spPr>
            <a:xfrm>
              <a:off x="9570802" y="4975607"/>
              <a:ext cx="1676764" cy="190842"/>
            </a:xfrm>
            <a:prstGeom prst="roundRect">
              <a:avLst>
                <a:gd name="adj" fmla="val 48717"/>
              </a:avLst>
            </a:prstGeom>
            <a:solidFill>
              <a:schemeClr val="accent6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45" name="OTLSHAPE_SLT_5b87359c2c954ae4906972a3b70de9e6_JoinedDate">
              <a:extLst>
                <a:ext uri="{FF2B5EF4-FFF2-40B4-BE49-F238E27FC236}">
                  <a16:creationId xmlns:a16="http://schemas.microsoft.com/office/drawing/2014/main" id="{481E9D13-9193-ABCA-1B46-94D0C2735E04}"/>
                </a:ext>
              </a:extLst>
            </p:cNvPr>
            <p:cNvSpPr txBox="1"/>
            <p:nvPr>
              <p:custDataLst>
                <p:tags r:id="rId9"/>
              </p:custDataLst>
            </p:nvPr>
          </p:nvSpPr>
          <p:spPr>
            <a:xfrm>
              <a:off x="9852253" y="4975607"/>
              <a:ext cx="1036845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 dirty="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Apr 25 – May 15</a:t>
              </a:r>
              <a:endParaRPr lang="zh-CN" altLang="en-US" sz="1050" spc="-6" dirty="0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sp>
        <p:nvSpPr>
          <p:cNvPr id="65" name="Rounded Rectangle 48">
            <a:extLst>
              <a:ext uri="{FF2B5EF4-FFF2-40B4-BE49-F238E27FC236}">
                <a16:creationId xmlns:a16="http://schemas.microsoft.com/office/drawing/2014/main" id="{0213E8FD-4C98-5B2D-8E83-3D183AE9E249}"/>
              </a:ext>
            </a:extLst>
          </p:cNvPr>
          <p:cNvSpPr/>
          <p:nvPr/>
        </p:nvSpPr>
        <p:spPr>
          <a:xfrm>
            <a:off x="6974683" y="3480388"/>
            <a:ext cx="258253" cy="190842"/>
          </a:xfrm>
          <a:prstGeom prst="roundRect">
            <a:avLst>
              <a:gd name="adj" fmla="val 48717"/>
            </a:avLst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66" name="OTLSHAPE_SLT_5b87359c2c954ae4906972a3b70de9e6_JoinedDate">
            <a:extLst>
              <a:ext uri="{FF2B5EF4-FFF2-40B4-BE49-F238E27FC236}">
                <a16:creationId xmlns:a16="http://schemas.microsoft.com/office/drawing/2014/main" id="{897F13D1-7572-D651-5FB1-7342C72BB912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7410819" y="3495017"/>
            <a:ext cx="1282981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27 – Mar 30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 hidden="1">
            <a:extLst>
              <a:ext uri="{FF2B5EF4-FFF2-40B4-BE49-F238E27FC236}">
                <a16:creationId xmlns:a16="http://schemas.microsoft.com/office/drawing/2014/main" id="{C4DB3ABD-DBC5-457C-BA8E-704F98CDA6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lide Title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2895600" y="1981201"/>
            <a:ext cx="21336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dirty="0"/>
              <a:t>Task bars (length = duration)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8049440" y="1981201"/>
            <a:ext cx="16579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dirty="0"/>
              <a:t>Milestones</a:t>
            </a:r>
          </a:p>
        </p:txBody>
      </p:sp>
      <p:grpSp>
        <p:nvGrpSpPr>
          <p:cNvPr id="2" name="Group 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2971800" y="2362200"/>
            <a:ext cx="3657600" cy="204652"/>
            <a:chOff x="2157548" y="2233748"/>
            <a:chExt cx="3709852" cy="204652"/>
          </a:xfrm>
        </p:grpSpPr>
        <p:sp>
          <p:nvSpPr>
            <p:cNvPr id="3" name="Rounded Rectangle 2"/>
            <p:cNvSpPr/>
            <p:nvPr/>
          </p:nvSpPr>
          <p:spPr>
            <a:xfrm>
              <a:off x="2157548" y="2233748"/>
              <a:ext cx="3709852" cy="204652"/>
            </a:xfrm>
            <a:prstGeom prst="roundRect">
              <a:avLst>
                <a:gd name="adj" fmla="val 48717"/>
              </a:avLst>
            </a:prstGeom>
            <a:solidFill>
              <a:schemeClr val="accent1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solidFill>
                  <a:schemeClr val="bg1"/>
                </a:solidFill>
                <a:latin typeface="Arial Narrow" pitchFamily="112" charset="0"/>
              </a:endParaRPr>
            </a:p>
          </p:txBody>
        </p:sp>
        <p:sp>
          <p:nvSpPr>
            <p:cNvPr id="4" name="Rounded Rectangle 3"/>
            <p:cNvSpPr/>
            <p:nvPr/>
          </p:nvSpPr>
          <p:spPr>
            <a:xfrm>
              <a:off x="2207622" y="2259874"/>
              <a:ext cx="3630168" cy="152400"/>
            </a:xfrm>
            <a:prstGeom prst="roundRect">
              <a:avLst>
                <a:gd name="adj" fmla="val 48717"/>
              </a:avLst>
            </a:prstGeom>
            <a:solidFill>
              <a:schemeClr val="accent1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/>
            </a:p>
          </p:txBody>
        </p:sp>
      </p:grpSp>
      <p:sp>
        <p:nvSpPr>
          <p:cNvPr id="8" name="Flowchart: Decision 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763000" y="2286000"/>
            <a:ext cx="228600" cy="381000"/>
          </a:xfrm>
          <a:prstGeom prst="flowChartDecision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 dirty="0"/>
          </a:p>
        </p:txBody>
      </p:sp>
      <p:grpSp>
        <p:nvGrpSpPr>
          <p:cNvPr id="5" name="Group 4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2973978" y="2706189"/>
            <a:ext cx="3657600" cy="228600"/>
            <a:chOff x="2159726" y="2577737"/>
            <a:chExt cx="1737360" cy="228600"/>
          </a:xfrm>
        </p:grpSpPr>
        <p:sp>
          <p:nvSpPr>
            <p:cNvPr id="6" name="Rounded Rectangle 5"/>
            <p:cNvSpPr/>
            <p:nvPr/>
          </p:nvSpPr>
          <p:spPr>
            <a:xfrm>
              <a:off x="2159726" y="2577737"/>
              <a:ext cx="1737360" cy="228600"/>
            </a:xfrm>
            <a:prstGeom prst="roundRect">
              <a:avLst>
                <a:gd name="adj" fmla="val 48717"/>
              </a:avLst>
            </a:prstGeom>
            <a:solidFill>
              <a:schemeClr val="accent1">
                <a:alpha val="50000"/>
              </a:schemeClr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 dirty="0">
                <a:latin typeface="Arial Narrow" pitchFamily="112" charset="0"/>
              </a:endParaRPr>
            </a:p>
          </p:txBody>
        </p:sp>
        <p:sp>
          <p:nvSpPr>
            <p:cNvPr id="7" name="Rounded Rectangle 6"/>
            <p:cNvSpPr/>
            <p:nvPr/>
          </p:nvSpPr>
          <p:spPr>
            <a:xfrm>
              <a:off x="2188439" y="2603863"/>
              <a:ext cx="1693926" cy="152400"/>
            </a:xfrm>
            <a:prstGeom prst="roundRect">
              <a:avLst>
                <a:gd name="adj" fmla="val 48717"/>
              </a:avLst>
            </a:prstGeom>
            <a:solidFill>
              <a:schemeClr val="accent1">
                <a:alpha val="50000"/>
              </a:schemeClr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/>
            </a:p>
          </p:txBody>
        </p:sp>
      </p:grpSp>
      <p:sp>
        <p:nvSpPr>
          <p:cNvPr id="18" name="Flowchart: Decision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763000" y="2895600"/>
            <a:ext cx="228600" cy="381000"/>
          </a:xfrm>
          <a:prstGeom prst="flowChartDecision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 dirty="0"/>
          </a:p>
        </p:txBody>
      </p:sp>
      <p:sp>
        <p:nvSpPr>
          <p:cNvPr id="23" name="Rounded Rectangle 22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3021169" y="3531326"/>
            <a:ext cx="3579038" cy="152400"/>
          </a:xfrm>
          <a:prstGeom prst="roundRect">
            <a:avLst>
              <a:gd name="adj" fmla="val 48717"/>
            </a:avLst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/>
          </a:p>
        </p:txBody>
      </p:sp>
      <p:sp>
        <p:nvSpPr>
          <p:cNvPr id="22" name="Rounded Rectangle 2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2971800" y="3505200"/>
            <a:ext cx="3657600" cy="204652"/>
          </a:xfrm>
          <a:prstGeom prst="roundRect">
            <a:avLst>
              <a:gd name="adj" fmla="val 48717"/>
            </a:avLst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Arial Narrow" pitchFamily="112" charset="0"/>
            </a:endParaRPr>
          </a:p>
        </p:txBody>
      </p:sp>
      <p:sp>
        <p:nvSpPr>
          <p:cNvPr id="19" name="Flowchart: Decision 18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763000" y="3505200"/>
            <a:ext cx="228600" cy="381000"/>
          </a:xfrm>
          <a:prstGeom prst="flowChartDecision">
            <a:avLst/>
          </a:prstGeom>
          <a:solidFill>
            <a:schemeClr val="accent2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 dirty="0"/>
          </a:p>
        </p:txBody>
      </p:sp>
      <p:sp>
        <p:nvSpPr>
          <p:cNvPr id="25" name="Rounded Rectangle 24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2973978" y="3849189"/>
            <a:ext cx="3657600" cy="228600"/>
          </a:xfrm>
          <a:prstGeom prst="roundRect">
            <a:avLst>
              <a:gd name="adj" fmla="val 48717"/>
            </a:avLst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Arial Narrow" pitchFamily="112" charset="0"/>
            </a:endParaRPr>
          </a:p>
        </p:txBody>
      </p:sp>
      <p:sp>
        <p:nvSpPr>
          <p:cNvPr id="26" name="Rounded Rectangle 25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3034426" y="3875315"/>
            <a:ext cx="3566160" cy="152400"/>
          </a:xfrm>
          <a:prstGeom prst="roundRect">
            <a:avLst>
              <a:gd name="adj" fmla="val 48717"/>
            </a:avLst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/>
          </a:p>
        </p:txBody>
      </p:sp>
      <p:sp>
        <p:nvSpPr>
          <p:cNvPr id="20" name="TextBox 19"/>
          <p:cNvSpPr txBox="1"/>
          <p:nvPr/>
        </p:nvSpPr>
        <p:spPr>
          <a:xfrm>
            <a:off x="2971800" y="4267201"/>
            <a:ext cx="40386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/>
              <a:t>To change the length of the duration bars go to Format/Size (on far right). For  extreme length changes, ungroup the duration bars and scale the highlight independently.</a:t>
            </a:r>
          </a:p>
        </p:txBody>
      </p:sp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Candara">
      <a:majorFont>
        <a:latin typeface="Candara" panose="020E0502030303020204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Candara" panose="020E0502030303020204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TF56599548_Two year Gantt chart_RVA_v3" id="{F85BDF4A-73C5-4866-A8D7-C1D0B2E05E59}" vid="{80316FB1-8AFD-4E6E-9D35-85A55E2401F2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MediaServiceKeyPoints xmlns="71af3243-3dd4-4a8d-8c0d-dd76da1f02a5" xsi:nil="true"/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9F111ED35F8CC479449609E8A0923A6" ma:contentTypeVersion="11" ma:contentTypeDescription="Create a new document." ma:contentTypeScope="" ma:versionID="96291512c1ee715ab617f4c07df79fc1">
  <xsd:schema xmlns:xsd="http://www.w3.org/2001/XMLSchema" xmlns:xs="http://www.w3.org/2001/XMLSchema" xmlns:p="http://schemas.microsoft.com/office/2006/metadata/properties" xmlns:ns2="71af3243-3dd4-4a8d-8c0d-dd76da1f02a5" xmlns:ns3="16c05727-aa75-4e4a-9b5f-8a80a1165891" targetNamespace="http://schemas.microsoft.com/office/2006/metadata/properties" ma:root="true" ma:fieldsID="8256c27c40ca5c40ce1cf6c44f0205df" ns2:_="" ns3:_="">
    <xsd:import namespace="71af3243-3dd4-4a8d-8c0d-dd76da1f02a5"/>
    <xsd:import namespace="16c05727-aa75-4e4a-9b5f-8a80a116589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CR" minOccurs="0"/>
                <xsd:element ref="ns2:MediaServiceAutoTags" minOccurs="0"/>
                <xsd:element ref="ns2:MediaServiceEventHashCode" minOccurs="0"/>
                <xsd:element ref="ns2:MediaServiceGenerationTime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DateTake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1af3243-3dd4-4a8d-8c0d-dd76da1f02a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CR" ma:index="10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false">
      <xsd:simpleType>
        <xsd:restriction base="dms:Note">
          <xsd:maxLength value="255"/>
        </xsd:restriction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c05727-aa75-4e4a-9b5f-8a80a1165891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5F049A10-EF1C-4CC0-B89A-BAD441EEC40A}">
  <ds:schemaRefs>
    <ds:schemaRef ds:uri="http://schemas.microsoft.com/office/2006/metadata/properties"/>
    <ds:schemaRef ds:uri="http://schemas.microsoft.com/office/infopath/2007/PartnerControls"/>
    <ds:schemaRef ds:uri="71af3243-3dd4-4a8d-8c0d-dd76da1f02a5"/>
  </ds:schemaRefs>
</ds:datastoreItem>
</file>

<file path=customXml/itemProps2.xml><?xml version="1.0" encoding="utf-8"?>
<ds:datastoreItem xmlns:ds="http://schemas.openxmlformats.org/officeDocument/2006/customXml" ds:itemID="{2266524A-5DB6-4A8F-86BF-76891CCAE186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8ED7A0B2-0609-46B6-BA8B-3FB166A11F48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1af3243-3dd4-4a8d-8c0d-dd76da1f02a5"/>
    <ds:schemaRef ds:uri="16c05727-aa75-4e4a-9b5f-8a80a1165891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Two year Gantt chart</Template>
  <TotalTime>650</TotalTime>
  <Words>234</Words>
  <Application>Microsoft Office PowerPoint</Application>
  <PresentationFormat>Widescreen</PresentationFormat>
  <Paragraphs>5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Arial Narrow</vt:lpstr>
      <vt:lpstr>Calibri</vt:lpstr>
      <vt:lpstr>Candara</vt:lpstr>
      <vt:lpstr>Tahoma</vt:lpstr>
      <vt:lpstr>Office Theme</vt:lpstr>
      <vt:lpstr>PowerPoint Presentation</vt:lpstr>
      <vt:lpstr>Slide Title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subject/>
  <dc:creator>Jeremy Zhang</dc:creator>
  <cp:keywords/>
  <dc:description/>
  <cp:lastModifiedBy>Jeremy Zhang</cp:lastModifiedBy>
  <cp:revision>1</cp:revision>
  <dcterms:created xsi:type="dcterms:W3CDTF">2023-02-20T16:33:47Z</dcterms:created>
  <dcterms:modified xsi:type="dcterms:W3CDTF">2023-02-21T03:24:13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9F111ED35F8CC479449609E8A0923A6</vt:lpwstr>
  </property>
</Properties>
</file>